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Z:\eb-corpus\production\eb09\s06\"/>
    </mc:Choice>
  </mc:AlternateContent>
  <bookViews>
    <workbookView xWindow="0" yWindow="0" windowWidth="21570" windowHeight="9510"/>
  </bookViews>
  <sheets>
    <sheet name="s06" sheetId="3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24" uniqueCount="484">
  <si>
    <t>comments</t>
  </si>
  <si>
    <t>p-pg</t>
  </si>
  <si>
    <t>scan-by</t>
  </si>
  <si>
    <t>output-date</t>
  </si>
  <si>
    <t>image-fn.jp2</t>
  </si>
  <si>
    <t>notes-prd</t>
  </si>
  <si>
    <t>tei-fn.xml</t>
  </si>
  <si>
    <t>valid</t>
  </si>
  <si>
    <t>eb09-s06</t>
  </si>
  <si>
    <t>encyclopediabrit22newyrich_raw_0475</t>
  </si>
  <si>
    <t>encyclopediabrit22newyrich_raw_0476</t>
  </si>
  <si>
    <t>encyclopediabrit22newyrich_raw_0477</t>
  </si>
  <si>
    <t>encyclopediabrit22newyrich_raw_0478</t>
  </si>
  <si>
    <t>encyclopediabrit22newyrich_raw_0479</t>
  </si>
  <si>
    <t>encyclopediabrit22newyrich_raw_0480</t>
  </si>
  <si>
    <t>encyclopediabrit22newyrich_raw_0481</t>
  </si>
  <si>
    <t>encyclopediabrit22newyrich_raw_0482</t>
  </si>
  <si>
    <t>encyclopediabrit22newyrich_raw_0483</t>
  </si>
  <si>
    <t>encyclopediabrit22newyrich_raw_0484</t>
  </si>
  <si>
    <t>encyclopediabrit22newyrich_raw_0485</t>
  </si>
  <si>
    <t>encyclopediabrit22newyrich_raw_0486</t>
  </si>
  <si>
    <t>encyclopediabrit22newyrich_raw_0487</t>
  </si>
  <si>
    <t>encyclopediabrit22newyrich_raw_0488</t>
  </si>
  <si>
    <t>encyclopediabrit22newyrich_raw_0489</t>
  </si>
  <si>
    <t>encyclopediabrit22newyrich_raw_0490</t>
  </si>
  <si>
    <t>encyclopediabrit22newyrich_raw_0491</t>
  </si>
  <si>
    <t>encyclopediabrit22newyrich_raw_0492</t>
  </si>
  <si>
    <t>encyclopediabrit22newyrich_raw_0493</t>
  </si>
  <si>
    <t>encyclopediabrit22newyrich_raw_0494</t>
  </si>
  <si>
    <t>encyclopediabrit22newyrich_raw_0495</t>
  </si>
  <si>
    <t>encyclopediabrit22newyrich_raw_0496</t>
  </si>
  <si>
    <t>encyclopediabrit22newyrich_raw_0497</t>
  </si>
  <si>
    <t>encyclopediabrit22newyrich_raw_0498</t>
  </si>
  <si>
    <t>encyclopediabrit22newyrich_raw_0499</t>
  </si>
  <si>
    <t>encyclopediabrit22newyrich_raw_0500</t>
  </si>
  <si>
    <t>encyclopediabrit22newyrich_raw_0501</t>
  </si>
  <si>
    <t>encyclopediabrit22newyrich_raw_0502</t>
  </si>
  <si>
    <t>encyclopediabrit22newyrich_raw_0503</t>
  </si>
  <si>
    <t>encyclopediabrit22newyrich_raw_0504</t>
  </si>
  <si>
    <t>encyclopediabrit22newyrich_raw_0505</t>
  </si>
  <si>
    <t>encyclopediabrit22newyrich_raw_0506</t>
  </si>
  <si>
    <t>encyclopediabrit22newyrich_raw_0507</t>
  </si>
  <si>
    <t>encyclopediabrit22newyrich_raw_0508</t>
  </si>
  <si>
    <t>encyclopediabrit22newyrich_raw_0509</t>
  </si>
  <si>
    <t>encyclopediabrit22newyrich_raw_0510</t>
  </si>
  <si>
    <t>encyclopediabrit22newyrich_raw_0511</t>
  </si>
  <si>
    <t>encyclopediabrit22newyrich_raw_0512</t>
  </si>
  <si>
    <t>encyclopediabrit22newyrich_raw_0513</t>
  </si>
  <si>
    <t>encyclopediabrit22newyrich_raw_0514</t>
  </si>
  <si>
    <t>encyclopediabrit22newyrich_raw_0515</t>
  </si>
  <si>
    <t>encyclopediabrit22newyrich_raw_0516</t>
  </si>
  <si>
    <t>encyclopediabrit22newyrich_raw_0517</t>
  </si>
  <si>
    <t>encyclopediabrit22newyrich_raw_0518</t>
  </si>
  <si>
    <t>encyclopediabrit22newyrich_raw_0519</t>
  </si>
  <si>
    <t>encyclopediabrit22newyrich_raw_0520</t>
  </si>
  <si>
    <t>encyclopediabrit22newyrich_raw_0521</t>
  </si>
  <si>
    <t>encyclopediabrit22newyrich_raw_0522</t>
  </si>
  <si>
    <t>encyclopediabrit22newyrich_raw_0523</t>
  </si>
  <si>
    <t>encyclopediabrit22newyrich_raw_0524</t>
  </si>
  <si>
    <t>encyclopediabrit22newyrich_raw_0525</t>
  </si>
  <si>
    <t>encyclopediabrit22newyrich_raw_0526</t>
  </si>
  <si>
    <t>encyclopediabrit22newyrich_raw_0527</t>
  </si>
  <si>
    <t>encyclopediabrit22newyrich_raw_0528</t>
  </si>
  <si>
    <t>encyclopediabrit22newyrich_raw_0529</t>
  </si>
  <si>
    <t>encyclopediabrit22newyrich_raw_0530</t>
  </si>
  <si>
    <t>encyclopediabrit22newyrich_raw_0531</t>
  </si>
  <si>
    <t>encyclopediabrit22newyrich_raw_0532</t>
  </si>
  <si>
    <t>encyclopediabrit22newyrich_raw_0533</t>
  </si>
  <si>
    <t>encyclopediabrit22newyrich_raw_0534</t>
  </si>
  <si>
    <t>encyclopediabrit22newyrich_raw_0535</t>
  </si>
  <si>
    <t>encyclopediabrit22newyrich_raw_0536</t>
  </si>
  <si>
    <t>encyclopediabrit22newyrich_raw_0537</t>
  </si>
  <si>
    <t>encyclopediabrit22newyrich_raw_0538</t>
  </si>
  <si>
    <t>encyclopediabrit22newyrich_raw_0539</t>
  </si>
  <si>
    <t>encyclopediabrit22newyrich_raw_0540</t>
  </si>
  <si>
    <t>encyclopediabrit22newyrich_raw_0541</t>
  </si>
  <si>
    <t>encyclopediabrit22newyrich_raw_0542</t>
  </si>
  <si>
    <t>encyclopediabrit22newyrich_raw_0543</t>
  </si>
  <si>
    <t>encyclopediabrit22newyrich_raw_0544</t>
  </si>
  <si>
    <t>encyclopediabrit22newyrich_raw_0545</t>
  </si>
  <si>
    <t>encyclopediabrit22newyrich_raw_0546</t>
  </si>
  <si>
    <t>encyclopediabrit22newyrich_raw_0547</t>
  </si>
  <si>
    <t>encyclopediabrit22newyrich_raw_0548</t>
  </si>
  <si>
    <t>encyclopediabrit22newyrich_raw_0549</t>
  </si>
  <si>
    <t>encyclopediabrit22newyrich_raw_0550</t>
  </si>
  <si>
    <t>encyclopediabrit22newyrich_raw_0551</t>
  </si>
  <si>
    <t>encyclopediabrit22newyrich_raw_0552</t>
  </si>
  <si>
    <t>encyclopediabrit22newyrich_raw_0553</t>
  </si>
  <si>
    <t>encyclopediabrit22newyrich_raw_0554</t>
  </si>
  <si>
    <t>encyclopediabrit22newyrich_raw_0555</t>
  </si>
  <si>
    <t>encyclopediabrit22newyrich_raw_0556</t>
  </si>
  <si>
    <t>encyclopediabrit22newyrich_raw_0557</t>
  </si>
  <si>
    <t>encyclopediabrit22newyrich_raw_0558</t>
  </si>
  <si>
    <t>encyclopediabrit22newyrich_raw_0559</t>
  </si>
  <si>
    <t>encyclopediabrit22newyrich_raw_0560</t>
  </si>
  <si>
    <t>encyclopediabrit22newyrich_raw_0561</t>
  </si>
  <si>
    <t>encyclopediabrit22newyrich_raw_0562</t>
  </si>
  <si>
    <t>encyclopediabrit22newyrich_raw_0563</t>
  </si>
  <si>
    <t>encyclopediabrit22newyrich_raw_0564</t>
  </si>
  <si>
    <t>encyclopediabrit22newyrich_raw_0565</t>
  </si>
  <si>
    <t>encyclopediabrit22newyrich_raw_0566</t>
  </si>
  <si>
    <t>encyclopediabrit22newyrich_raw_0567</t>
  </si>
  <si>
    <t>encyclopediabrit22newyrich_raw_0568</t>
  </si>
  <si>
    <t>encyclopediabrit22newyrich_raw_0569</t>
  </si>
  <si>
    <t>encyclopediabrit22newyrich_raw_0570</t>
  </si>
  <si>
    <t>encyclopediabrit22newyrich_raw_0571</t>
  </si>
  <si>
    <t>encyclopediabrit22newyrich_raw_0572</t>
  </si>
  <si>
    <t>encyclopediabrit22newyrich_raw_0573</t>
  </si>
  <si>
    <t>encyclopediabrit22newyrich_raw_0574</t>
  </si>
  <si>
    <t>encyclopediabrit22newyrich_raw_0575</t>
  </si>
  <si>
    <t>encyclopediabrit22newyrich_raw_0576</t>
  </si>
  <si>
    <t>encyclopediabrit22newyrich_raw_0577</t>
  </si>
  <si>
    <t>encyclopediabrit22newyrich_raw_0578</t>
  </si>
  <si>
    <t>encyclopediabrit22newyrich_raw_0579</t>
  </si>
  <si>
    <t>encyclopediabrit22newyrich_raw_0580</t>
  </si>
  <si>
    <t>encyclopediabrit22newyrich_raw_0581</t>
  </si>
  <si>
    <t>encyclopediabrit22newyrich_raw_0582</t>
  </si>
  <si>
    <t>encyclopediabrit22newyrich_raw_0583</t>
  </si>
  <si>
    <t>encyclopediabrit22newyrich_raw_0584</t>
  </si>
  <si>
    <t>encyclopediabrit22newyrich_raw_0585</t>
  </si>
  <si>
    <t>encyclopediabrit22newyrich_raw_0586</t>
  </si>
  <si>
    <t>encyclopediabrit22newyrich_raw_0587</t>
  </si>
  <si>
    <t>encyclopediabrit22newyrich_raw_0588</t>
  </si>
  <si>
    <t>encyclopediabrit22newyrich_raw_0589</t>
  </si>
  <si>
    <t>encyclopediabrit22newyrich_raw_0590</t>
  </si>
  <si>
    <t>encyclopediabrit22newyrich_raw_0591</t>
  </si>
  <si>
    <t>encyclopediabrit22newyrich_raw_0592</t>
  </si>
  <si>
    <t>encyclopediabrit22newyrich_raw_0593</t>
  </si>
  <si>
    <t>encyclopediabrit22newyrich_raw_0594</t>
  </si>
  <si>
    <t>encyclopediabrit22newyrich_raw_0595</t>
  </si>
  <si>
    <t>encyclopediabrit22newyrich_raw_0596</t>
  </si>
  <si>
    <t>encyclopediabrit22newyrich_raw_0597</t>
  </si>
  <si>
    <t>encyclopediabrit22newyrich_raw_0598</t>
  </si>
  <si>
    <t>encyclopediabrit22newyrich_raw_0599</t>
  </si>
  <si>
    <t>encyclopediabrit22newyrich_raw_0600</t>
  </si>
  <si>
    <t>encyclopediabrit22newyrich_raw_0601</t>
  </si>
  <si>
    <t>encyclopediabrit22newyrich_raw_0602</t>
  </si>
  <si>
    <t>encyclopediabrit22newyrich_raw_0603</t>
  </si>
  <si>
    <t>encyclopediabrit22newyrich_raw_0604</t>
  </si>
  <si>
    <t>encyclopediabrit22newyrich_raw_0605</t>
  </si>
  <si>
    <t>encyclopediabrit22newyrich_raw_0606</t>
  </si>
  <si>
    <t>encyclopediabrit22newyrich_raw_0607</t>
  </si>
  <si>
    <t>encyclopediabrit22newyrich_raw_0608</t>
  </si>
  <si>
    <t>encyclopediabrit22newyrich_raw_0609</t>
  </si>
  <si>
    <t>encyclopediabrit22newyrich_raw_0610</t>
  </si>
  <si>
    <t>encyclopediabrit22newyrich_raw_0611</t>
  </si>
  <si>
    <t>encyclopediabrit22newyrich_raw_0612</t>
  </si>
  <si>
    <t>encyclopediabrit22newyrich_raw_0613</t>
  </si>
  <si>
    <t>encyclopediabrit22newyrich_raw_0614</t>
  </si>
  <si>
    <t>encyclopediabrit22newyrich_raw_0615</t>
  </si>
  <si>
    <t>encyclopediabrit22newyrich_raw_0616</t>
  </si>
  <si>
    <t>encyclopediabrit22newyrich_raw_0617</t>
  </si>
  <si>
    <t>encyclopediabrit22newyrich_raw_0618</t>
  </si>
  <si>
    <t>encyclopediabrit22newyrich_raw_0619</t>
  </si>
  <si>
    <t>encyclopediabrit22newyrich_raw_0620</t>
  </si>
  <si>
    <t>encyclopediabrit22newyrich_raw_0621</t>
  </si>
  <si>
    <t>encyclopediabrit22newyrich_raw_0622</t>
  </si>
  <si>
    <t>encyclopediabrit22newyrich_raw_0623</t>
  </si>
  <si>
    <t>encyclopediabrit22newyrich_raw_0624</t>
  </si>
  <si>
    <t>encyclopediabrit22newyrich_raw_0625</t>
  </si>
  <si>
    <t>encyclopediabrit22newyrich_raw_0626</t>
  </si>
  <si>
    <t>encyclopediabrit22newyrich_raw_0627</t>
  </si>
  <si>
    <t>encyclopediabrit22newyrich_raw_0628</t>
  </si>
  <si>
    <t>encyclopediabrit22newyrich_raw_0629</t>
  </si>
  <si>
    <t>encyclopediabrit22newyrich_raw_0630</t>
  </si>
  <si>
    <t>encyclopediabrit22newyrich_raw_0631</t>
  </si>
  <si>
    <t>encyclopediabrit22newyrich_raw_0632</t>
  </si>
  <si>
    <t>encyclopediabrit22newyrich_raw_0633</t>
  </si>
  <si>
    <t>encyclopediabrit22newyrich_raw_0634</t>
  </si>
  <si>
    <t>encyclopediabrit22newyrich_raw_0635</t>
  </si>
  <si>
    <t>encyclopediabrit22newyrich_raw_0636</t>
  </si>
  <si>
    <t>encyclopediabrit22newyrich_raw_0637</t>
  </si>
  <si>
    <t>encyclopediabrit22newyrich_raw_0638</t>
  </si>
  <si>
    <t>encyclopediabrit22newyrich_raw_0639</t>
  </si>
  <si>
    <t>encyclopediabrit22newyrich_raw_0640</t>
  </si>
  <si>
    <t>encyclopediabrit22newyrich_raw_0641</t>
  </si>
  <si>
    <t>encyclopediabrit22newyrich_raw_0642</t>
  </si>
  <si>
    <t>encyclopediabrit22newyrich_raw_0643</t>
  </si>
  <si>
    <t>encyclopediabrit22newyrich_raw_0644</t>
  </si>
  <si>
    <t>encyclopediabrit22newyrich_raw_0645</t>
  </si>
  <si>
    <t>encyclopediabrit22newyrich_raw_0646</t>
  </si>
  <si>
    <t>encyclopediabrit22newyrich_raw_0647</t>
  </si>
  <si>
    <t>encyclopediabrit22newyrich_raw_0648</t>
  </si>
  <si>
    <t>encyclopediabrit22newyrich_raw_0649</t>
  </si>
  <si>
    <t>encyclopediabrit22newyrich_raw_0650</t>
  </si>
  <si>
    <t>encyclopediabrit22newyrich_raw_0651</t>
  </si>
  <si>
    <t>encyclopediabrit22newyrich_raw_0652</t>
  </si>
  <si>
    <t>encyclopediabrit22newyrich_raw_0653</t>
  </si>
  <si>
    <t>encyclopediabrit22newyrich_raw_0654</t>
  </si>
  <si>
    <t>encyclopediabrit22newyrich_raw_0655</t>
  </si>
  <si>
    <t>encyclopediabrit22newyrich_raw_0656</t>
  </si>
  <si>
    <t>encyclopediabrit22newyrich_raw_0657</t>
  </si>
  <si>
    <t>encyclopediabrit22newyrich_raw_0658</t>
  </si>
  <si>
    <t>encyclopediabrit22newyrich_raw_0659</t>
  </si>
  <si>
    <t>encyclopediabrit22newyrich_raw_0660</t>
  </si>
  <si>
    <t>encyclopediabrit22newyrich_raw_0661</t>
  </si>
  <si>
    <t>encyclopediabrit22newyrich_raw_0662</t>
  </si>
  <si>
    <t>encyclopediabrit22newyrich_raw_0663</t>
  </si>
  <si>
    <t>encyclopediabrit22newyrich_raw_0664</t>
  </si>
  <si>
    <t>encyclopediabrit22newyrich_raw_0665</t>
  </si>
  <si>
    <t>encyclopediabrit22newyrich_raw_0666</t>
  </si>
  <si>
    <t>encyclopediabrit22newyrich_raw_0667</t>
  </si>
  <si>
    <t>encyclopediabrit22newyrich_raw_0668</t>
  </si>
  <si>
    <t>encyclopediabrit22newyrich_raw_0669</t>
  </si>
  <si>
    <t>encyclopediabrit22newyrich_raw_0670</t>
  </si>
  <si>
    <t>encyclopediabrit22newyrich_raw_0671</t>
  </si>
  <si>
    <t>encyclopediabrit22newyrich_raw_0672</t>
  </si>
  <si>
    <t>encyclopediabrit22newyrich_raw_0673</t>
  </si>
  <si>
    <t>encyclopediabrit22newyrich_raw_0674</t>
  </si>
  <si>
    <t>encyclopediabrit22newyrich_raw_0675</t>
  </si>
  <si>
    <t>encyclopediabrit22newyrich_raw_0676</t>
  </si>
  <si>
    <t>encyclopediabrit22newyrich_raw_0677</t>
  </si>
  <si>
    <t>encyclopediabrit22newyrich_raw_0678</t>
  </si>
  <si>
    <t>encyclopediabrit22newyrich_raw_0679</t>
  </si>
  <si>
    <t>encyclopediabrit22newyrich_raw_0680</t>
  </si>
  <si>
    <t>encyclopediabrit22newyrich_raw_0681</t>
  </si>
  <si>
    <t>encyclopediabrit22newyrich_raw_0682</t>
  </si>
  <si>
    <t>encyclopediabrit22newyrich_raw_0683</t>
  </si>
  <si>
    <t>encyclopediabrit22newyrich_raw_0684</t>
  </si>
  <si>
    <t>encyclopediabrit22newyrich_raw_0685</t>
  </si>
  <si>
    <t>encyclopediabrit22newyrich_raw_0686</t>
  </si>
  <si>
    <t>encyclopediabrit22newyrich_raw_0687</t>
  </si>
  <si>
    <t>encyclopediabrit22newyrich_raw_0688</t>
  </si>
  <si>
    <t>encyclopediabrit22newyrich_raw_0689</t>
  </si>
  <si>
    <t>encyclopediabrit22newyrich_raw_0690</t>
  </si>
  <si>
    <t>encyclopediabrit22newyrich_raw_0691</t>
  </si>
  <si>
    <t>encyclopediabrit22newyrich_raw_0692</t>
  </si>
  <si>
    <t>encyclopediabrit22newyrich_raw_0693</t>
  </si>
  <si>
    <t>encyclopediabrit22newyrich_raw_0694</t>
  </si>
  <si>
    <t>encyclopediabrit22newyrich_raw_0695</t>
  </si>
  <si>
    <t>encyclopediabrit22newyrich_raw_0696</t>
  </si>
  <si>
    <t>encyclopediabrit22newyrich_raw_0697</t>
  </si>
  <si>
    <t>encyclopediabrit22newyrich_raw_0698</t>
  </si>
  <si>
    <t>encyclopediabrit22newyrich_raw_0699</t>
  </si>
  <si>
    <t>encyclopediabrit22newyrich_raw_0700</t>
  </si>
  <si>
    <t>encyclopediabrit22newyrich_raw_0701</t>
  </si>
  <si>
    <t>encyclopediabrit22newyrich_raw_0702</t>
  </si>
  <si>
    <t>encyclopediabrit22newyrich_raw_0703</t>
  </si>
  <si>
    <t>(1) INDEX: Steam Engines.</t>
  </si>
  <si>
    <t>blank</t>
  </si>
  <si>
    <t>plate</t>
  </si>
  <si>
    <t>p-vol</t>
  </si>
  <si>
    <t>tg</t>
  </si>
  <si>
    <t>Complex formulas</t>
  </si>
  <si>
    <t>Complex formula</t>
  </si>
  <si>
    <t>Complex formula (integral w/limits)</t>
  </si>
  <si>
    <t>Unique characters</t>
  </si>
  <si>
    <t>Double reference to footnote 5</t>
  </si>
  <si>
    <t>Double reference to footnote 4</t>
  </si>
  <si>
    <t>Complex formulas (integrals w/limits)</t>
  </si>
  <si>
    <t>Complex chemical formulas</t>
  </si>
  <si>
    <t>Multiple references to footnote 4 in table</t>
  </si>
  <si>
    <t>eb09-s06-0001</t>
  </si>
  <si>
    <t>eb09-s06-0002</t>
  </si>
  <si>
    <t>eb09-s06-0003</t>
  </si>
  <si>
    <t>eb09-s06-0004</t>
  </si>
  <si>
    <t>eb09-s06-0005</t>
  </si>
  <si>
    <t>eb09-s06-0006</t>
  </si>
  <si>
    <t>eb09-s06-0007</t>
  </si>
  <si>
    <t>eb09-s06-0008</t>
  </si>
  <si>
    <t>eb09-s06-0009</t>
  </si>
  <si>
    <t>eb09-s06-0010</t>
  </si>
  <si>
    <t>eb09-s06-0011</t>
  </si>
  <si>
    <t>eb09-s06-0012</t>
  </si>
  <si>
    <t>eb09-s06-0013</t>
  </si>
  <si>
    <t>eb09-s06-0014</t>
  </si>
  <si>
    <t>eb09-s06-0015</t>
  </si>
  <si>
    <t>eb09-s06-0016</t>
  </si>
  <si>
    <t>eb09-s06-0017</t>
  </si>
  <si>
    <t>eb09-s06-0018</t>
  </si>
  <si>
    <t>eb09-s06-0019</t>
  </si>
  <si>
    <t>eb09-s06-0020</t>
  </si>
  <si>
    <t>eb09-s06-0021</t>
  </si>
  <si>
    <t>eb09-s06-0022</t>
  </si>
  <si>
    <t>eb09-s06-0023</t>
  </si>
  <si>
    <t>eb09-s06-0024</t>
  </si>
  <si>
    <t>eb09-s06-0025</t>
  </si>
  <si>
    <t>eb09-s06-0026</t>
  </si>
  <si>
    <t>eb09-s06-0027</t>
  </si>
  <si>
    <t>eb09-s06-0028</t>
  </si>
  <si>
    <t>eb09-s06-0029</t>
  </si>
  <si>
    <t>eb09-s06-0030</t>
  </si>
  <si>
    <t>eb09-s06-0031</t>
  </si>
  <si>
    <t>eb09-s06-0032</t>
  </si>
  <si>
    <t>eb09-s06-0033</t>
  </si>
  <si>
    <t>eb09-s06-0034</t>
  </si>
  <si>
    <t>eb09-s06-0035</t>
  </si>
  <si>
    <t>eb09-s06-0036</t>
  </si>
  <si>
    <t>eb09-s06-0037</t>
  </si>
  <si>
    <t>eb09-s06-0038</t>
  </si>
  <si>
    <t>eb09-s06-0039</t>
  </si>
  <si>
    <t>eb09-s06-0040</t>
  </si>
  <si>
    <t>eb09-s06-0041</t>
  </si>
  <si>
    <t>eb09-s06-0042</t>
  </si>
  <si>
    <t>eb09-s06-0043</t>
  </si>
  <si>
    <t>eb09-s06-0044</t>
  </si>
  <si>
    <t>eb09-s06-0045</t>
  </si>
  <si>
    <t>eb09-s06-0046</t>
  </si>
  <si>
    <t>eb09-s06-0047</t>
  </si>
  <si>
    <t>eb09-s06-0048</t>
  </si>
  <si>
    <t>eb09-s06-0049</t>
  </si>
  <si>
    <t>eb09-s06-0050</t>
  </si>
  <si>
    <t>eb09-s06-0051</t>
  </si>
  <si>
    <t>eb09-s06-0052</t>
  </si>
  <si>
    <t>eb09-s06-0053</t>
  </si>
  <si>
    <t>eb09-s06-0054</t>
  </si>
  <si>
    <t>eb09-s06-0055</t>
  </si>
  <si>
    <t>eb09-s06-0056</t>
  </si>
  <si>
    <t>eb09-s06-0057</t>
  </si>
  <si>
    <t>eb09-s06-0058</t>
  </si>
  <si>
    <t>eb09-s06-0059</t>
  </si>
  <si>
    <t>eb09-s06-0060</t>
  </si>
  <si>
    <t>eb09-s06-0061</t>
  </si>
  <si>
    <t>eb09-s06-0062</t>
  </si>
  <si>
    <t>eb09-s06-0063</t>
  </si>
  <si>
    <t>eb09-s06-0064</t>
  </si>
  <si>
    <t>eb09-s06-0065</t>
  </si>
  <si>
    <t>eb09-s06-0066</t>
  </si>
  <si>
    <t>eb09-s06-0067</t>
  </si>
  <si>
    <t>eb09-s06-0068</t>
  </si>
  <si>
    <t>eb09-s06-0069</t>
  </si>
  <si>
    <t>eb09-s06-0070</t>
  </si>
  <si>
    <t>eb09-s06-0071</t>
  </si>
  <si>
    <t>eb09-s06-0072</t>
  </si>
  <si>
    <t>eb09-s06-0073</t>
  </si>
  <si>
    <t>eb09-s06-0074</t>
  </si>
  <si>
    <t>eb09-s06-0075</t>
  </si>
  <si>
    <t>eb09-s06-0076</t>
  </si>
  <si>
    <t>eb09-s06-0077</t>
  </si>
  <si>
    <t>eb09-s06-0078</t>
  </si>
  <si>
    <t>eb09-s06-0079</t>
  </si>
  <si>
    <t>eb09-s06-0080</t>
  </si>
  <si>
    <t>eb09-s06-0081</t>
  </si>
  <si>
    <t>eb09-s06-0082</t>
  </si>
  <si>
    <t>eb09-s06-0083</t>
  </si>
  <si>
    <t>eb09-s06-0084</t>
  </si>
  <si>
    <t>eb09-s06-0085</t>
  </si>
  <si>
    <t>eb09-s06-0086</t>
  </si>
  <si>
    <t>eb09-s06-0087</t>
  </si>
  <si>
    <t>eb09-s06-0088</t>
  </si>
  <si>
    <t>eb09-s06-0089</t>
  </si>
  <si>
    <t>eb09-s06-0090</t>
  </si>
  <si>
    <t>eb09-s06-0091</t>
  </si>
  <si>
    <t>eb09-s06-0092</t>
  </si>
  <si>
    <t>eb09-s06-0093</t>
  </si>
  <si>
    <t>eb09-s06-0094</t>
  </si>
  <si>
    <t>eb09-s06-0095</t>
  </si>
  <si>
    <t>eb09-s06-0096</t>
  </si>
  <si>
    <t>eb09-s06-0097</t>
  </si>
  <si>
    <t>eb09-s06-0098</t>
  </si>
  <si>
    <t>eb09-s06-0099</t>
  </si>
  <si>
    <t>eb09-s06-0100</t>
  </si>
  <si>
    <t>eb09-s06-0101</t>
  </si>
  <si>
    <t>eb09-s06-0102</t>
  </si>
  <si>
    <t>eb09-s06-0103</t>
  </si>
  <si>
    <t>eb09-s06-0104</t>
  </si>
  <si>
    <t>eb09-s06-0105</t>
  </si>
  <si>
    <t>eb09-s06-0106</t>
  </si>
  <si>
    <t>eb09-s06-0107</t>
  </si>
  <si>
    <t>eb09-s06-0108</t>
  </si>
  <si>
    <t>eb09-s06-0109</t>
  </si>
  <si>
    <t>eb09-s06-0110</t>
  </si>
  <si>
    <t>eb09-s06-0111</t>
  </si>
  <si>
    <t>eb09-s06-0112</t>
  </si>
  <si>
    <t>eb09-s06-0113</t>
  </si>
  <si>
    <t>eb09-s06-0114</t>
  </si>
  <si>
    <t>eb09-s06-0115</t>
  </si>
  <si>
    <t>eb09-s06-0116</t>
  </si>
  <si>
    <t>eb09-s06-0117</t>
  </si>
  <si>
    <t>eb09-s06-0118</t>
  </si>
  <si>
    <t>eb09-s06-0119</t>
  </si>
  <si>
    <t>eb09-s06-0120</t>
  </si>
  <si>
    <t>eb09-s06-0121</t>
  </si>
  <si>
    <t>eb09-s06-0122</t>
  </si>
  <si>
    <t>eb09-s06-0123</t>
  </si>
  <si>
    <t>eb09-s06-0124</t>
  </si>
  <si>
    <t>eb09-s06-0125</t>
  </si>
  <si>
    <t>eb09-s06-0126</t>
  </si>
  <si>
    <t>eb09-s06-0127</t>
  </si>
  <si>
    <t>eb09-s06-0128</t>
  </si>
  <si>
    <t>eb09-s06-0129</t>
  </si>
  <si>
    <t>eb09-s06-0130</t>
  </si>
  <si>
    <t>eb09-s06-0131</t>
  </si>
  <si>
    <t>eb09-s06-0132</t>
  </si>
  <si>
    <t>eb09-s06-0133</t>
  </si>
  <si>
    <t>eb09-s06-0134</t>
  </si>
  <si>
    <t>eb09-s06-0135</t>
  </si>
  <si>
    <t>eb09-s06-0136</t>
  </si>
  <si>
    <t>eb09-s06-0137</t>
  </si>
  <si>
    <t>eb09-s06-0138</t>
  </si>
  <si>
    <t>eb09-s06-0139</t>
  </si>
  <si>
    <t>eb09-s06-0140</t>
  </si>
  <si>
    <t>eb09-s06-0141</t>
  </si>
  <si>
    <t>eb09-s06-0142</t>
  </si>
  <si>
    <t>eb09-s06-0143</t>
  </si>
  <si>
    <t>eb09-s06-0144</t>
  </si>
  <si>
    <t>eb09-s06-0145</t>
  </si>
  <si>
    <t>eb09-s06-0146</t>
  </si>
  <si>
    <t>eb09-s06-0147</t>
  </si>
  <si>
    <t>eb09-s06-0148</t>
  </si>
  <si>
    <t>eb09-s06-0149</t>
  </si>
  <si>
    <t>eb09-s06-0150</t>
  </si>
  <si>
    <t>eb09-s06-0151</t>
  </si>
  <si>
    <t>eb09-s06-0152</t>
  </si>
  <si>
    <t>eb09-s06-0153</t>
  </si>
  <si>
    <t>eb09-s06-0154</t>
  </si>
  <si>
    <t>eb09-s06-0155</t>
  </si>
  <si>
    <t>eb09-s06-0156</t>
  </si>
  <si>
    <t>eb09-s06-0157</t>
  </si>
  <si>
    <t>eb09-s06-0158</t>
  </si>
  <si>
    <t>eb09-s06-0159</t>
  </si>
  <si>
    <t>eb09-s06-0160</t>
  </si>
  <si>
    <t>eb09-s06-0161</t>
  </si>
  <si>
    <t>eb09-s06-0162</t>
  </si>
  <si>
    <t>eb09-s06-0163</t>
  </si>
  <si>
    <t>eb09-s06-0164</t>
  </si>
  <si>
    <t>eb09-s06-0165</t>
  </si>
  <si>
    <t>eb09-s06-0166</t>
  </si>
  <si>
    <t>eb09-s06-0167</t>
  </si>
  <si>
    <t>eb09-s06-0168</t>
  </si>
  <si>
    <t>eb09-s06-0169</t>
  </si>
  <si>
    <t>eb09-s06-0170</t>
  </si>
  <si>
    <t>eb09-s06-0171</t>
  </si>
  <si>
    <t>eb09-s06-0172</t>
  </si>
  <si>
    <t>eb09-s06-0173</t>
  </si>
  <si>
    <t>eb09-s06-0174</t>
  </si>
  <si>
    <t>eb09-s06-0175</t>
  </si>
  <si>
    <t>eb09-s06-0176</t>
  </si>
  <si>
    <t>eb09-s06-0177</t>
  </si>
  <si>
    <t>eb09-s06-0178</t>
  </si>
  <si>
    <t>eb09-s06-0179</t>
  </si>
  <si>
    <t>eb09-s06-0180</t>
  </si>
  <si>
    <t>eb09-s06-0181</t>
  </si>
  <si>
    <t>eb09-s06-0182</t>
  </si>
  <si>
    <t>eb09-s06-0183</t>
  </si>
  <si>
    <t>eb09-s06-0184</t>
  </si>
  <si>
    <t>eb09-s06-0185</t>
  </si>
  <si>
    <t>eb09-s06-0186</t>
  </si>
  <si>
    <t>eb09-s06-0187</t>
  </si>
  <si>
    <t>eb09-s06-0188</t>
  </si>
  <si>
    <t>eb09-s06-0189</t>
  </si>
  <si>
    <t>eb09-s06-0190</t>
  </si>
  <si>
    <t>eb09-s06-0191</t>
  </si>
  <si>
    <t>eb09-s06-0192</t>
  </si>
  <si>
    <t>eb09-s06-0193</t>
  </si>
  <si>
    <t>eb09-s06-0194</t>
  </si>
  <si>
    <t>eb09-s06-0195</t>
  </si>
  <si>
    <t>eb09-s06-0196</t>
  </si>
  <si>
    <t>eb09-s06-0197</t>
  </si>
  <si>
    <t>eb09-s06-0198</t>
  </si>
  <si>
    <t>eb09-s06-0199</t>
  </si>
  <si>
    <t>eb09-s06-0200</t>
  </si>
  <si>
    <t>eb09-s06-0201</t>
  </si>
  <si>
    <t>eb09-s06-0202</t>
  </si>
  <si>
    <t>eb09-s06-0203</t>
  </si>
  <si>
    <t>eb09-s06-0204</t>
  </si>
  <si>
    <t>eb09-s06-0205</t>
  </si>
  <si>
    <t>eb09-s06-0206</t>
  </si>
  <si>
    <t>eb09-s06-0207</t>
  </si>
  <si>
    <t>eb09-s06-0208</t>
  </si>
  <si>
    <t>eb09-s06-0209</t>
  </si>
  <si>
    <t>eb09-s06-0210</t>
  </si>
  <si>
    <t>eb09-s06-0211</t>
  </si>
  <si>
    <t>eb09-s06-0212</t>
  </si>
  <si>
    <t>eb09-s06-0213</t>
  </si>
  <si>
    <t>eb09-s06-0214</t>
  </si>
  <si>
    <t>eb09-s06-0215</t>
  </si>
  <si>
    <t>eb09-s06-0216</t>
  </si>
  <si>
    <t>eb09-s06-0217</t>
  </si>
  <si>
    <t>eb09-s06-0218</t>
  </si>
  <si>
    <t>eb09-s06-0219</t>
  </si>
  <si>
    <t>eb09-s06-0220</t>
  </si>
  <si>
    <t>eb09-s06-0221</t>
  </si>
  <si>
    <t>eb09-s06-0222</t>
  </si>
  <si>
    <t>eb09-s06-0223</t>
  </si>
  <si>
    <t>eb09-s06-0224</t>
  </si>
  <si>
    <t>eb09-s06-0225</t>
  </si>
  <si>
    <t>corrected @@ for n2 in tei-p.</t>
  </si>
  <si>
    <t>output-fn.docx</t>
  </si>
  <si>
    <t>Reference to footnote 4 but footnote is unmarked in eb; corrected it in tei-p.</t>
  </si>
  <si>
    <t>add @@ for note anchors in tei-p</t>
  </si>
  <si>
    <t>change @@@ to @@ for two anchors in tei-p</t>
  </si>
  <si>
    <t>Multiple references to fn 1 in table; (2) added missing @@2 in tei-p.</t>
  </si>
  <si>
    <t xml:space="preserve">STANLEY temporary entry term added to tei-p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6">
    <xf numFmtId="0" fontId="0" fillId="0" borderId="0" xfId="0"/>
    <xf numFmtId="0" fontId="0" fillId="0" borderId="0" xfId="0" applyAlignment="1">
      <alignment horizontal="left"/>
    </xf>
    <xf numFmtId="0" fontId="0" fillId="0" borderId="0" xfId="0" applyAlignment="1">
      <alignment horizontal="left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Fill="1" applyAlignment="1">
      <alignment horizontal="left"/>
    </xf>
    <xf numFmtId="0" fontId="0" fillId="0" borderId="0" xfId="0" applyFill="1" applyAlignment="1">
      <alignment horizontal="left"/>
    </xf>
    <xf numFmtId="0" fontId="1" fillId="0" borderId="0" xfId="0" applyFont="1" applyAlignment="1">
      <alignment horizontal="right"/>
    </xf>
    <xf numFmtId="0" fontId="0" fillId="0" borderId="0" xfId="0" applyAlignment="1">
      <alignment horizontal="right"/>
    </xf>
    <xf numFmtId="14" fontId="0" fillId="0" borderId="0" xfId="0" applyNumberFormat="1"/>
    <xf numFmtId="14" fontId="0" fillId="0" borderId="0" xfId="0" applyNumberFormat="1" applyFill="1" applyAlignment="1">
      <alignment horizontal="left"/>
    </xf>
    <xf numFmtId="14" fontId="0" fillId="0" borderId="0" xfId="0" applyNumberFormat="1" applyAlignment="1">
      <alignment horizontal="center"/>
    </xf>
    <xf numFmtId="0" fontId="1" fillId="0" borderId="0" xfId="0" applyFont="1" applyFill="1" applyAlignment="1">
      <alignment horizontal="left" indent="2"/>
    </xf>
    <xf numFmtId="0" fontId="0" fillId="0" borderId="0" xfId="0" applyFill="1" applyAlignment="1">
      <alignment horizontal="left" indent="2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06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nju Bae</dc:creator>
  <cp:lastModifiedBy>Peter Logan</cp:lastModifiedBy>
  <dcterms:created xsi:type="dcterms:W3CDTF">2016-05-12T16:11:50Z</dcterms:created>
  <dcterms:modified xsi:type="dcterms:W3CDTF">2019-01-21T20:13:23Z</dcterms:modified>
</cp:coreProperties>
</file>